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3462" autoAdjust="0"/>
  </p:normalViewPr>
  <p:slideViewPr>
    <p:cSldViewPr snapToGrid="0">
      <p:cViewPr>
        <p:scale>
          <a:sx n="100" d="100"/>
          <a:sy n="100" d="100"/>
        </p:scale>
        <p:origin x="1008" y="41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2-2025</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2-2025</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me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17D09E3F-BAA9-4D11-A8DA-F70734AABC5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4647" y="5257800"/>
            <a:ext cx="2100903" cy="138659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AD5AC9F-D6DA-6EED-D235-7FA46B1A818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7247" y="4025900"/>
            <a:ext cx="2100903" cy="138659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5-02-26T08:11:58Z</dcterms:modified>
</cp:coreProperties>
</file>